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\school49\меню\"/>
    </mc:Choice>
  </mc:AlternateContent>
  <bookViews>
    <workbookView xWindow="0" yWindow="0" windowWidth="28800" windowHeight="12210"/>
  </bookViews>
  <sheets>
    <sheet name="1" sheetId="1" r:id="rId1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40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АОУ лицей №49</t>
  </si>
  <si>
    <t>Запеканка творожная Золотистая 1/200</t>
  </si>
  <si>
    <t>Чай заварной с сахаром и лимоном 1/200/5</t>
  </si>
  <si>
    <t xml:space="preserve"> </t>
  </si>
  <si>
    <t>Фрукты свежие по сезону 1/100</t>
  </si>
  <si>
    <t>Гуляш из курицы 1/90</t>
  </si>
  <si>
    <t>напиток</t>
  </si>
  <si>
    <t>Компот из яблок 1/180</t>
  </si>
  <si>
    <t>Хлеб ржано-пшеничный 1/30</t>
  </si>
  <si>
    <t>Салат из свежей капусты с морковью 1/60</t>
  </si>
  <si>
    <t>Суп картофельный с рыбой 1/200</t>
  </si>
  <si>
    <t>Картофельное пюре с маслом 1/150</t>
  </si>
  <si>
    <t>Хлеб пшеничный 1/3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44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4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8" xfId="0" applyFill="1" applyBorder="1" applyProtection="1">
      <protection locked="0"/>
    </xf>
    <xf numFmtId="1" fontId="0" fillId="2" borderId="18" xfId="0" applyNumberFormat="1" applyFill="1" applyBorder="1" applyProtection="1">
      <protection locked="0"/>
    </xf>
    <xf numFmtId="2" fontId="0" fillId="2" borderId="18" xfId="0" applyNumberFormat="1" applyFill="1" applyBorder="1" applyProtection="1">
      <protection locked="0"/>
    </xf>
    <xf numFmtId="1" fontId="0" fillId="2" borderId="19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8" xfId="0" applyFill="1" applyBorder="1" applyAlignment="1" applyProtection="1">
      <alignment wrapText="1"/>
      <protection locked="0"/>
    </xf>
    <xf numFmtId="17" fontId="0" fillId="2" borderId="1" xfId="0" applyNumberFormat="1" applyFill="1" applyBorder="1" applyProtection="1">
      <protection locked="0"/>
    </xf>
    <xf numFmtId="17" fontId="0" fillId="2" borderId="11" xfId="0" applyNumberFormat="1" applyFill="1" applyBorder="1" applyProtection="1">
      <protection locked="0"/>
    </xf>
    <xf numFmtId="0" fontId="0" fillId="0" borderId="1" xfId="0" applyBorder="1" applyProtection="1">
      <protection locked="0"/>
    </xf>
    <xf numFmtId="0" fontId="0" fillId="2" borderId="2" xfId="0" applyFill="1" applyBorder="1" applyAlignment="1" applyProtection="1">
      <protection locked="0"/>
    </xf>
    <xf numFmtId="0" fontId="0" fillId="2" borderId="17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1" sqref="J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41" t="s">
        <v>27</v>
      </c>
      <c r="C1" s="42"/>
      <c r="D1" s="43"/>
      <c r="E1" t="s">
        <v>22</v>
      </c>
      <c r="F1" s="24"/>
      <c r="I1" t="s">
        <v>1</v>
      </c>
      <c r="J1" s="23">
        <v>45996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5</v>
      </c>
      <c r="D3" s="13" t="s">
        <v>4</v>
      </c>
      <c r="E3" s="13" t="s">
        <v>26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 t="s">
        <v>11</v>
      </c>
      <c r="C4" s="6">
        <v>1717</v>
      </c>
      <c r="D4" s="33" t="s">
        <v>28</v>
      </c>
      <c r="E4" s="15">
        <v>200</v>
      </c>
      <c r="F4" s="25">
        <v>113.96</v>
      </c>
      <c r="G4" s="15">
        <v>557</v>
      </c>
      <c r="H4" s="15">
        <v>22</v>
      </c>
      <c r="I4" s="15">
        <v>21</v>
      </c>
      <c r="J4" s="16">
        <v>69</v>
      </c>
    </row>
    <row r="5" spans="1:10" x14ac:dyDescent="0.25">
      <c r="A5" s="7"/>
      <c r="B5" s="1" t="s">
        <v>12</v>
      </c>
      <c r="C5" s="2">
        <v>404</v>
      </c>
      <c r="D5" s="34" t="s">
        <v>29</v>
      </c>
      <c r="E5" s="17">
        <v>205</v>
      </c>
      <c r="F5" s="26"/>
      <c r="G5" s="17">
        <v>62</v>
      </c>
      <c r="H5" s="17">
        <v>0</v>
      </c>
      <c r="I5" s="17">
        <v>0</v>
      </c>
      <c r="J5" s="18">
        <v>15</v>
      </c>
    </row>
    <row r="6" spans="1:10" x14ac:dyDescent="0.25">
      <c r="A6" s="7"/>
      <c r="B6" s="1" t="s">
        <v>23</v>
      </c>
      <c r="C6" s="2" t="s">
        <v>30</v>
      </c>
      <c r="D6" s="34" t="s">
        <v>30</v>
      </c>
      <c r="E6" s="17" t="s">
        <v>30</v>
      </c>
      <c r="F6" s="26"/>
      <c r="G6" s="17" t="s">
        <v>30</v>
      </c>
      <c r="H6" s="17" t="s">
        <v>30</v>
      </c>
      <c r="I6" s="17" t="s">
        <v>30</v>
      </c>
      <c r="J6" s="18" t="s">
        <v>30</v>
      </c>
    </row>
    <row r="7" spans="1:10" x14ac:dyDescent="0.25">
      <c r="A7" s="7"/>
      <c r="B7" s="2" t="s">
        <v>20</v>
      </c>
      <c r="C7" s="38"/>
      <c r="D7" s="34" t="s">
        <v>31</v>
      </c>
      <c r="E7" s="17">
        <v>100</v>
      </c>
      <c r="F7" s="26"/>
      <c r="G7" s="17">
        <v>39</v>
      </c>
      <c r="H7" s="17">
        <v>1</v>
      </c>
      <c r="I7" s="17">
        <v>0</v>
      </c>
      <c r="J7" s="18">
        <v>9</v>
      </c>
    </row>
    <row r="8" spans="1:10" ht="15.75" thickBot="1" x14ac:dyDescent="0.3">
      <c r="A8" s="8"/>
      <c r="B8" s="9"/>
      <c r="C8" s="39"/>
      <c r="D8" s="35"/>
      <c r="E8" s="19"/>
      <c r="F8" s="27"/>
      <c r="G8" s="19"/>
      <c r="H8" s="19"/>
      <c r="I8" s="19"/>
      <c r="J8" s="20"/>
    </row>
    <row r="9" spans="1:10" x14ac:dyDescent="0.25">
      <c r="A9" s="4" t="s">
        <v>13</v>
      </c>
      <c r="B9" s="11" t="s">
        <v>20</v>
      </c>
      <c r="C9" s="6"/>
      <c r="D9" s="33"/>
      <c r="E9" s="15"/>
      <c r="F9" s="25"/>
      <c r="G9" s="15"/>
      <c r="H9" s="15"/>
      <c r="I9" s="15"/>
      <c r="J9" s="16"/>
    </row>
    <row r="10" spans="1:10" x14ac:dyDescent="0.25">
      <c r="A10" s="7"/>
      <c r="B10" s="2"/>
      <c r="C10" s="2"/>
      <c r="D10" s="34"/>
      <c r="E10" s="17"/>
      <c r="F10" s="26"/>
      <c r="G10" s="17"/>
      <c r="H10" s="17"/>
      <c r="I10" s="17"/>
      <c r="J10" s="18"/>
    </row>
    <row r="11" spans="1:10" ht="15.75" thickBot="1" x14ac:dyDescent="0.3">
      <c r="A11" s="8"/>
      <c r="B11" s="9"/>
      <c r="C11" s="9"/>
      <c r="D11" s="35"/>
      <c r="E11" s="19"/>
      <c r="F11" s="27"/>
      <c r="G11" s="19"/>
      <c r="H11" s="19"/>
      <c r="I11" s="19"/>
      <c r="J11" s="20"/>
    </row>
    <row r="12" spans="1:10" x14ac:dyDescent="0.25">
      <c r="A12" s="7" t="s">
        <v>14</v>
      </c>
      <c r="B12" s="10" t="s">
        <v>15</v>
      </c>
      <c r="C12" s="3">
        <v>1672</v>
      </c>
      <c r="D12" s="36" t="s">
        <v>36</v>
      </c>
      <c r="E12" s="21">
        <v>60</v>
      </c>
      <c r="F12" s="28">
        <v>113.96</v>
      </c>
      <c r="G12" s="21">
        <v>54</v>
      </c>
      <c r="H12" s="21">
        <v>1</v>
      </c>
      <c r="I12" s="21">
        <v>4</v>
      </c>
      <c r="J12" s="22">
        <v>54</v>
      </c>
    </row>
    <row r="13" spans="1:10" x14ac:dyDescent="0.25">
      <c r="A13" s="7"/>
      <c r="B13" s="1" t="s">
        <v>16</v>
      </c>
      <c r="C13" s="2">
        <v>342</v>
      </c>
      <c r="D13" s="34" t="s">
        <v>37</v>
      </c>
      <c r="E13" s="17">
        <v>200</v>
      </c>
      <c r="F13" s="26"/>
      <c r="G13" s="17">
        <v>116</v>
      </c>
      <c r="H13" s="17">
        <v>6</v>
      </c>
      <c r="I13" s="17">
        <v>4</v>
      </c>
      <c r="J13" s="18">
        <v>13</v>
      </c>
    </row>
    <row r="14" spans="1:10" x14ac:dyDescent="0.25">
      <c r="A14" s="7"/>
      <c r="B14" s="1" t="s">
        <v>17</v>
      </c>
      <c r="C14" s="2">
        <v>1716</v>
      </c>
      <c r="D14" s="34" t="s">
        <v>32</v>
      </c>
      <c r="E14" s="17">
        <v>90</v>
      </c>
      <c r="F14" s="26"/>
      <c r="G14" s="17">
        <v>183</v>
      </c>
      <c r="H14" s="17">
        <v>16</v>
      </c>
      <c r="I14" s="17">
        <v>12</v>
      </c>
      <c r="J14" s="18">
        <v>3</v>
      </c>
    </row>
    <row r="15" spans="1:10" x14ac:dyDescent="0.25">
      <c r="A15" s="7"/>
      <c r="B15" s="1" t="s">
        <v>18</v>
      </c>
      <c r="C15" s="2">
        <v>1720</v>
      </c>
      <c r="D15" s="34" t="s">
        <v>38</v>
      </c>
      <c r="E15" s="17">
        <v>150</v>
      </c>
      <c r="F15" s="26"/>
      <c r="G15" s="17">
        <v>149</v>
      </c>
      <c r="H15" s="17">
        <v>3</v>
      </c>
      <c r="I15" s="17">
        <v>5</v>
      </c>
      <c r="J15" s="18">
        <v>23</v>
      </c>
    </row>
    <row r="16" spans="1:10" x14ac:dyDescent="0.25">
      <c r="A16" s="7"/>
      <c r="B16" s="1" t="s">
        <v>19</v>
      </c>
      <c r="C16" s="2" t="s">
        <v>30</v>
      </c>
      <c r="D16" s="34" t="s">
        <v>30</v>
      </c>
      <c r="E16" s="17" t="s">
        <v>30</v>
      </c>
      <c r="F16" s="26"/>
      <c r="G16" s="17" t="s">
        <v>30</v>
      </c>
      <c r="H16" s="17" t="s">
        <v>30</v>
      </c>
      <c r="I16" s="17" t="s">
        <v>30</v>
      </c>
      <c r="J16" s="18" t="s">
        <v>30</v>
      </c>
    </row>
    <row r="17" spans="1:10" x14ac:dyDescent="0.25">
      <c r="A17" s="7"/>
      <c r="B17" s="1" t="s">
        <v>24</v>
      </c>
      <c r="C17" s="2"/>
      <c r="D17" s="34" t="s">
        <v>39</v>
      </c>
      <c r="E17" s="17">
        <v>30</v>
      </c>
      <c r="F17" s="26"/>
      <c r="G17" s="17">
        <v>72</v>
      </c>
      <c r="H17" s="17">
        <v>2</v>
      </c>
      <c r="I17" s="17">
        <v>0</v>
      </c>
      <c r="J17" s="18">
        <v>16</v>
      </c>
    </row>
    <row r="18" spans="1:10" x14ac:dyDescent="0.25">
      <c r="A18" s="7"/>
      <c r="B18" s="1" t="s">
        <v>21</v>
      </c>
      <c r="C18" s="2"/>
      <c r="D18" s="34" t="s">
        <v>35</v>
      </c>
      <c r="E18" s="17">
        <v>30</v>
      </c>
      <c r="F18" s="26"/>
      <c r="G18" s="17">
        <v>72</v>
      </c>
      <c r="H18" s="17">
        <v>2</v>
      </c>
      <c r="I18" s="17">
        <v>0</v>
      </c>
      <c r="J18" s="18">
        <v>16</v>
      </c>
    </row>
    <row r="19" spans="1:10" x14ac:dyDescent="0.25">
      <c r="A19" s="7"/>
      <c r="B19" s="40" t="s">
        <v>33</v>
      </c>
      <c r="C19" s="29">
        <v>1690</v>
      </c>
      <c r="D19" s="37" t="s">
        <v>34</v>
      </c>
      <c r="E19" s="30">
        <v>180</v>
      </c>
      <c r="F19" s="31"/>
      <c r="G19" s="30">
        <v>61</v>
      </c>
      <c r="H19" s="30">
        <v>0</v>
      </c>
      <c r="I19" s="30">
        <v>0</v>
      </c>
      <c r="J19" s="32">
        <v>15</v>
      </c>
    </row>
    <row r="20" spans="1:10" ht="15.75" thickBot="1" x14ac:dyDescent="0.3">
      <c r="A20" s="8"/>
      <c r="B20" s="9"/>
      <c r="C20" s="9"/>
      <c r="D20" s="35"/>
      <c r="E20" s="19"/>
      <c r="F20" s="27"/>
      <c r="G20" s="19"/>
      <c r="H20" s="19"/>
      <c r="I20" s="19"/>
      <c r="J20" s="20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столовая</cp:lastModifiedBy>
  <cp:lastPrinted>2021-05-18T10:32:40Z</cp:lastPrinted>
  <dcterms:created xsi:type="dcterms:W3CDTF">2015-06-05T18:19:34Z</dcterms:created>
  <dcterms:modified xsi:type="dcterms:W3CDTF">2025-11-28T12:34:44Z</dcterms:modified>
</cp:coreProperties>
</file>